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proofErr w:type="spellStart"/>
            <w:r w:rsidRPr="00E55DA6">
              <w:rPr>
                <w:rFonts w:asciiTheme="minorHAnsi" w:eastAsiaTheme="minorEastAsia" w:hAnsiTheme="minorHAnsi" w:cstheme="minorHAnsi"/>
                <w:color w:val="000000" w:themeColor="text1"/>
                <w:sz w:val="22"/>
                <w:szCs w:val="22"/>
              </w:rPr>
              <w:t>Wonwoo</w:t>
            </w:r>
            <w:proofErr w:type="spellEnd"/>
            <w:r w:rsidRPr="00E55DA6">
              <w:rPr>
                <w:rFonts w:asciiTheme="minorHAnsi" w:eastAsiaTheme="minorEastAsia" w:hAnsiTheme="minorHAnsi" w:cstheme="minorHAnsi"/>
                <w:color w:val="000000" w:themeColor="text1"/>
                <w:sz w:val="22"/>
                <w:szCs w:val="22"/>
              </w:rPr>
              <w:t xml:space="preserve">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 xml:space="preserve">Marco </w:t>
            </w:r>
            <w:proofErr w:type="spellStart"/>
            <w:r w:rsidRPr="00E55DA6">
              <w:rPr>
                <w:rFonts w:asciiTheme="minorHAnsi" w:eastAsiaTheme="minorEastAsia" w:hAnsiTheme="minorHAnsi" w:cstheme="minorHAnsi"/>
                <w:color w:val="000000" w:themeColor="text1"/>
                <w:sz w:val="22"/>
                <w:szCs w:val="22"/>
              </w:rPr>
              <w:t>Querzola</w:t>
            </w:r>
            <w:proofErr w:type="spellEnd"/>
            <w:r w:rsidRPr="00E55DA6">
              <w:rPr>
                <w:rFonts w:asciiTheme="minorHAnsi" w:eastAsiaTheme="minorEastAsia" w:hAnsiTheme="minorHAnsi" w:cstheme="minorHAnsi"/>
                <w:color w:val="000000" w:themeColor="text1"/>
                <w:sz w:val="22"/>
                <w:szCs w:val="22"/>
              </w:rPr>
              <w:t xml:space="preserve"> s5264979</w:t>
            </w:r>
          </w:p>
          <w:p w14:paraId="731D4453" w14:textId="77777777" w:rsidR="009000CE" w:rsidRDefault="00184AA9">
            <w:pPr>
              <w:pStyle w:val="Heading3"/>
            </w:pPr>
            <w:r>
              <w:t>2810ICT Software Technologies</w:t>
            </w:r>
          </w:p>
          <w:p w14:paraId="44D315E5" w14:textId="609F0137" w:rsidR="009000CE" w:rsidRDefault="00BD5F04"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End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performed</w:t>
      </w:r>
    </w:p>
    <w:p w14:paraId="2E9E7FA4" w14:textId="77777777" w:rsidR="002D4235" w:rsidRDefault="002D4235" w:rsidP="002D4235">
      <w:pPr>
        <w:rPr>
          <w:rStyle w:val="Heading1Char"/>
        </w:rPr>
      </w:pPr>
      <w:r>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7EEB9B80" w:rsidR="0006175C" w:rsidRPr="005B3FFC" w:rsidRDefault="0006175C" w:rsidP="0006175C">
                            <w:pPr>
                              <w:pStyle w:val="Caption"/>
                              <w:jc w:val="center"/>
                              <w:rPr>
                                <w:b/>
                                <w:noProof/>
                                <w:sz w:val="28"/>
                                <w:szCs w:val="28"/>
                              </w:rPr>
                            </w:pPr>
                            <w:r>
                              <w:t xml:space="preserve">Figure </w:t>
                            </w:r>
                            <w:r w:rsidR="00BD5F04">
                              <w:fldChar w:fldCharType="begin"/>
                            </w:r>
                            <w:r w:rsidR="00BD5F04">
                              <w:instrText xml:space="preserve"> SEQ Figure \* ARABIC </w:instrText>
                            </w:r>
                            <w:r w:rsidR="00BD5F04">
                              <w:fldChar w:fldCharType="separate"/>
                            </w:r>
                            <w:r w:rsidR="00B53442">
                              <w:rPr>
                                <w:noProof/>
                              </w:rPr>
                              <w:t>1</w:t>
                            </w:r>
                            <w:r w:rsidR="00BD5F04">
                              <w:rPr>
                                <w:noProof/>
                              </w:rPr>
                              <w:fldChar w:fldCharType="end"/>
                            </w:r>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7EEB9B80" w:rsidR="0006175C" w:rsidRPr="005B3FFC" w:rsidRDefault="0006175C" w:rsidP="0006175C">
                      <w:pPr>
                        <w:pStyle w:val="Caption"/>
                        <w:jc w:val="center"/>
                        <w:rPr>
                          <w:b/>
                          <w:noProof/>
                          <w:sz w:val="28"/>
                          <w:szCs w:val="28"/>
                        </w:rPr>
                      </w:pPr>
                      <w:r>
                        <w:t xml:space="preserve">Figure </w:t>
                      </w:r>
                      <w:r w:rsidR="00BD5F04">
                        <w:fldChar w:fldCharType="begin"/>
                      </w:r>
                      <w:r w:rsidR="00BD5F04">
                        <w:instrText xml:space="preserve"> SEQ Figure \* ARABIC </w:instrText>
                      </w:r>
                      <w:r w:rsidR="00BD5F04">
                        <w:fldChar w:fldCharType="separate"/>
                      </w:r>
                      <w:r w:rsidR="00B53442">
                        <w:rPr>
                          <w:noProof/>
                        </w:rPr>
                        <w:t>1</w:t>
                      </w:r>
                      <w:r w:rsidR="00BD5F04">
                        <w:rPr>
                          <w:noProof/>
                        </w:rPr>
                        <w:fldChar w:fldCharType="end"/>
                      </w:r>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165CEB0"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Each individual case has an offence year, offence month, offence code, offence description, associated legislation, associated clause (from legislation), face value</w:t>
      </w:r>
      <w:r w:rsidR="00667E9E">
        <w:t xml:space="preserve">  (penalty amount for offence)</w:t>
      </w:r>
      <w:r w:rsidR="0006175C">
        <w:t xml:space="preserve"> and whether it was identified on camera. </w:t>
      </w:r>
      <w:r w:rsidR="0014373F">
        <w:t xml:space="preserve">Figure 1 displays the default cases shown to the user, when preferences have not been identified. </w:t>
      </w:r>
    </w:p>
    <w:p w14:paraId="7DE47FEA" w14:textId="3DA9A078" w:rsidR="00350015" w:rsidRDefault="00B53442" w:rsidP="00B53442">
      <w:pPr>
        <w:pStyle w:val="Caption"/>
        <w:jc w:val="center"/>
      </w:pPr>
      <w:r>
        <w:t xml:space="preserve">Figure </w:t>
      </w:r>
      <w:r w:rsidR="00BD5F04">
        <w:fldChar w:fldCharType="begin"/>
      </w:r>
      <w:r w:rsidR="00BD5F04">
        <w:instrText xml:space="preserve"> SEQ Figure \* ARABIC </w:instrText>
      </w:r>
      <w:r w:rsidR="00BD5F04">
        <w:fldChar w:fldCharType="separate"/>
      </w:r>
      <w:r>
        <w:rPr>
          <w:noProof/>
        </w:rPr>
        <w:t>2</w:t>
      </w:r>
      <w:r w:rsidR="00BD5F04">
        <w:rPr>
          <w:noProof/>
        </w:rPr>
        <w:fldChar w:fldCharType="end"/>
      </w:r>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77777777" w:rsidR="00BD5F04" w:rsidRDefault="00BD5F04" w:rsidP="00BD5F04">
                            <w:pPr>
                              <w:pStyle w:val="Caption"/>
                              <w:jc w:val="center"/>
                              <w:rPr>
                                <w:b/>
                                <w:sz w:val="28"/>
                                <w:szCs w:val="28"/>
                              </w:rPr>
                            </w:pPr>
                            <w:r>
                              <w:t xml:space="preserve">Figure </w:t>
                            </w:r>
                            <w:r>
                              <w:fldChar w:fldCharType="begin"/>
                            </w:r>
                            <w:r>
                              <w:instrText xml:space="preserve"> SEQ Figure \* ARABIC </w:instrText>
                            </w:r>
                            <w:r>
                              <w:fldChar w:fldCharType="separate"/>
                            </w:r>
                            <w:r>
                              <w:rPr>
                                <w:noProof/>
                              </w:rPr>
                              <w:t>3</w:t>
                            </w:r>
                            <w:r>
                              <w:rPr>
                                <w:noProof/>
                              </w:rPr>
                              <w:fldChar w:fldCharType="end"/>
                            </w:r>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77777777" w:rsidR="00BD5F04" w:rsidRDefault="00BD5F04" w:rsidP="00BD5F04">
                      <w:pPr>
                        <w:pStyle w:val="Caption"/>
                        <w:jc w:val="center"/>
                        <w:rPr>
                          <w:b/>
                          <w:sz w:val="28"/>
                          <w:szCs w:val="28"/>
                        </w:rPr>
                      </w:pPr>
                      <w:r>
                        <w:t xml:space="preserve">Figure </w:t>
                      </w:r>
                      <w:r>
                        <w:fldChar w:fldCharType="begin"/>
                      </w:r>
                      <w:r>
                        <w:instrText xml:space="preserve"> SEQ Figure \* ARABIC </w:instrText>
                      </w:r>
                      <w:r>
                        <w:fldChar w:fldCharType="separate"/>
                      </w:r>
                      <w:r>
                        <w:rPr>
                          <w:noProof/>
                        </w:rPr>
                        <w:t>3</w:t>
                      </w:r>
                      <w:r>
                        <w:rPr>
                          <w:noProof/>
                        </w:rPr>
                        <w:fldChar w:fldCharType="end"/>
                      </w:r>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77777777"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government agency Transport for NSW (</w:t>
      </w:r>
      <w:proofErr w:type="spellStart"/>
      <w:r>
        <w:t>TfNSW</w:t>
      </w:r>
      <w:proofErr w:type="spellEnd"/>
      <w:r>
        <w:t>) to consider this analysis when implementing road rules, especially in terms of lowering speed offences across the state.</w:t>
      </w:r>
    </w:p>
    <w:p w14:paraId="6A2A39C5" w14:textId="77777777" w:rsidR="0006175C" w:rsidRPr="00184AA9" w:rsidRDefault="0006175C" w:rsidP="0006175C">
      <w:pPr>
        <w:pStyle w:val="Heading1"/>
      </w:pPr>
      <w:r>
        <w:rPr>
          <w:rStyle w:val="Heading1Char"/>
          <w:b/>
        </w:rPr>
        <w:lastRenderedPageBreak/>
        <w:t>Analysis 3 – Captured by Radar or Camera</w:t>
      </w:r>
    </w:p>
    <w:p w14:paraId="70F72051" w14:textId="77777777" w:rsidR="0006175C" w:rsidRDefault="0006175C" w:rsidP="0006175C">
      <w:pPr>
        <w:pStyle w:val="Heading1"/>
        <w:rPr>
          <w:rStyle w:val="Heading1Char"/>
          <w:b/>
        </w:rPr>
      </w:pPr>
      <w:r>
        <w:rPr>
          <w:rStyle w:val="Heading1Char"/>
          <w:b/>
        </w:rPr>
        <w:t xml:space="preserve">Analysis 4 – Mobile Phone Usage </w:t>
      </w:r>
    </w:p>
    <w:p w14:paraId="539FB6E4" w14:textId="77777777" w:rsidR="0006175C" w:rsidRPr="00184AA9" w:rsidRDefault="0006175C" w:rsidP="0006175C">
      <w:pPr>
        <w:pStyle w:val="Heading1"/>
      </w:pPr>
      <w:r>
        <w:rPr>
          <w:rStyle w:val="Heading1Char"/>
          <w:b/>
        </w:rPr>
        <w:t>Analysis 5 – School Zone</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1"/>
      <w:footerReference w:type="first" r:id="rId12"/>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728F7D" w14:textId="77777777" w:rsidR="00B14281" w:rsidRDefault="00B14281">
      <w:pPr>
        <w:spacing w:after="0" w:line="240" w:lineRule="auto"/>
      </w:pPr>
      <w:r>
        <w:separator/>
      </w:r>
    </w:p>
  </w:endnote>
  <w:endnote w:type="continuationSeparator" w:id="0">
    <w:p w14:paraId="2CC3387F" w14:textId="77777777" w:rsidR="00B14281" w:rsidRDefault="00B1428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BD5F04">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BD5F04">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47D1F4DE"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D5F04">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BD5F04">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7EB07FB" w14:textId="77777777" w:rsidR="00B14281" w:rsidRDefault="00B14281">
      <w:pPr>
        <w:spacing w:after="0" w:line="240" w:lineRule="auto"/>
      </w:pPr>
      <w:r>
        <w:separator/>
      </w:r>
    </w:p>
  </w:footnote>
  <w:footnote w:type="continuationSeparator" w:id="0">
    <w:p w14:paraId="67518777" w14:textId="77777777" w:rsidR="00B14281" w:rsidRDefault="00B14281">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defaultTabStop w:val="720"/>
  <w:characterSpacingControl w:val="doNotCompress"/>
  <w:hdrShapeDefaults>
    <o:shapedefaults v:ext="edit" spidmax="2052"/>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2A0C"/>
    <w:rsid w:val="00031739"/>
    <w:rsid w:val="0006175C"/>
    <w:rsid w:val="0014373F"/>
    <w:rsid w:val="00184AA9"/>
    <w:rsid w:val="001E4C41"/>
    <w:rsid w:val="00226F4D"/>
    <w:rsid w:val="00290F77"/>
    <w:rsid w:val="002D4235"/>
    <w:rsid w:val="002D429B"/>
    <w:rsid w:val="00307D60"/>
    <w:rsid w:val="00350015"/>
    <w:rsid w:val="003D542A"/>
    <w:rsid w:val="00476F54"/>
    <w:rsid w:val="00661BFE"/>
    <w:rsid w:val="00667E9E"/>
    <w:rsid w:val="00677480"/>
    <w:rsid w:val="006D2B32"/>
    <w:rsid w:val="006F5885"/>
    <w:rsid w:val="00737018"/>
    <w:rsid w:val="008242BA"/>
    <w:rsid w:val="00841FF5"/>
    <w:rsid w:val="008A49B8"/>
    <w:rsid w:val="009000CE"/>
    <w:rsid w:val="0097144C"/>
    <w:rsid w:val="0098770F"/>
    <w:rsid w:val="009E15E1"/>
    <w:rsid w:val="009F0E2B"/>
    <w:rsid w:val="00A1370F"/>
    <w:rsid w:val="00A3214E"/>
    <w:rsid w:val="00A53340"/>
    <w:rsid w:val="00A539DD"/>
    <w:rsid w:val="00AD07E1"/>
    <w:rsid w:val="00AE0CAF"/>
    <w:rsid w:val="00B1203B"/>
    <w:rsid w:val="00B14281"/>
    <w:rsid w:val="00B53442"/>
    <w:rsid w:val="00B779FC"/>
    <w:rsid w:val="00BA303B"/>
    <w:rsid w:val="00BC2410"/>
    <w:rsid w:val="00BD5F04"/>
    <w:rsid w:val="00C869EE"/>
    <w:rsid w:val="00CE00DD"/>
    <w:rsid w:val="00D91E50"/>
    <w:rsid w:val="00DC6292"/>
    <w:rsid w:val="00DD0ACF"/>
    <w:rsid w:val="00E25CD8"/>
    <w:rsid w:val="00E55DA6"/>
    <w:rsid w:val="00E7555A"/>
    <w:rsid w:val="00ED34AE"/>
    <w:rsid w:val="00ED5FFD"/>
    <w:rsid w:val="00EF1F30"/>
    <w:rsid w:val="00F25C83"/>
    <w:rsid w:val="00F85244"/>
    <w:rsid w:val="00F90FA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2"/>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84D8F"/>
    <w:rsid w:val="00CF14BF"/>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75</TotalTime>
  <Pages>6</Pages>
  <Words>374</Words>
  <Characters>2135</Characters>
  <Application>Microsoft Office Word</Application>
  <DocSecurity>0</DocSecurity>
  <Lines>17</Lines>
  <Paragraphs>5</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25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48</cp:revision>
  <dcterms:created xsi:type="dcterms:W3CDTF">2017-08-28T03:16:00Z</dcterms:created>
  <dcterms:modified xsi:type="dcterms:W3CDTF">2022-10-09T07:1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